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6\③一般競争入札\3.告示起案（業務委託　２項目以上）\告示用\201【高尾】\"/>
    </mc:Choice>
  </mc:AlternateContent>
  <xr:revisionPtr revIDLastSave="0" documentId="13_ncr:1_{F5DFB6EA-3F05-46AB-8D9D-AC36EC021769}" xr6:coauthVersionLast="47" xr6:coauthVersionMax="47" xr10:uidLastSave="{00000000-0000-0000-0000-000000000000}"/>
  <bookViews>
    <workbookView xWindow="-120" yWindow="-120" windowWidth="29040" windowHeight="15840" xr2:uid="{6DCDEB42-A1CB-411B-A5F3-7F241ABB7CC1}"/>
  </bookViews>
  <sheets>
    <sheet name="20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01'!$A$1:$H$58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24" uniqueCount="64">
  <si>
    <t>名称№２０１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土木構造物補修業務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土木一般世話役（日中作業）</t>
  </si>
  <si>
    <t>時間</t>
  </si>
  <si>
    <t>土木一般世話役（夜間作業）</t>
  </si>
  <si>
    <t>特殊作業員（日中作業）</t>
  </si>
  <si>
    <t>特殊作業員（夜間作業）</t>
  </si>
  <si>
    <t>普通作業員（日中作業）</t>
  </si>
  <si>
    <t>普通作業員（夜間作業）</t>
  </si>
  <si>
    <t>電工（日中作業）</t>
  </si>
  <si>
    <t>電工（夜間作業）</t>
  </si>
  <si>
    <t>左官（日中作業）</t>
  </si>
  <si>
    <t>左官（夜間作業）</t>
  </si>
  <si>
    <t>溶接工（日中作業）</t>
  </si>
  <si>
    <t>溶接工（夜間作業）</t>
  </si>
  <si>
    <t>交通誘導警備員A
（日中作業）</t>
  </si>
  <si>
    <t>交通誘導警備員A
（夜間作業）</t>
  </si>
  <si>
    <t>交通誘導警備員B
（日中作業）</t>
  </si>
  <si>
    <t>交通誘導警備員B
（夜間作業）</t>
  </si>
  <si>
    <t>足場工
（日中作業）</t>
  </si>
  <si>
    <t>手摺先行型枠組足場　必要　標準（1.0）</t>
  </si>
  <si>
    <t>掛m2</t>
  </si>
  <si>
    <t>足場工
（夜間作業）</t>
  </si>
  <si>
    <t>現場発生品・支給品運搬</t>
  </si>
  <si>
    <t>ｸﾚｰﾝ装置付2t級、吊能力2.9t　DID有　14.0km以下　</t>
  </si>
  <si>
    <t>t</t>
  </si>
  <si>
    <t>産業廃棄物処理費</t>
  </si>
  <si>
    <t>ｺﾝｸﾘｰﾄ塊 再生 無筋、長、厚50㎝未満　循環資源利用税相当額含む。
※循環税は全ての間接費対象外　札幌リサイクル骨材㈱</t>
    <phoneticPr fontId="3"/>
  </si>
  <si>
    <t>ｺﾝｸﾘｰﾄ塊 再生 無筋、長１m又は厚60㎝超は小割料別途、循環資源利用税相当額含む。
※循環税は全ての間接費対象外　小橋北豊㈱</t>
  </si>
  <si>
    <t>ｺﾝｸﾘｰﾄ塊 再生 無筋、50㎝四方以下、循環資源利用税相当額含む。
※循環税は全ての間接費対象外　札幌環境資材センター（新日建設㈱）</t>
  </si>
  <si>
    <t>ｺﾝｸﾘｰﾄ塊 再生 無筋、循環資源利用税相当額含む。
　※循環税は全ての間接費対象外　㈱松原産業</t>
  </si>
  <si>
    <t>ｺﾝｸﾘｰﾄ塊 再生 無筋、循環資源利用税相当額含む。
　※循環税は全ての間接費対象外　野田工業㈱</t>
  </si>
  <si>
    <t>ｺﾝｸﾘｰﾄ塊 再生 有筋、長、厚50㎝未満　循環資源利用税相当額含む。
※循環税は全ての間接費対象外　札幌リサイクル骨材㈱</t>
  </si>
  <si>
    <t>ｺﾝｸﾘｰﾄ塊 再生 有筋、長１m又は厚60㎝超は小割料別途、循環資源利用税相当額含む。
※循環税は全ての間接費対象外　小橋北豊㈱</t>
  </si>
  <si>
    <t>ｺﾝｸﾘｰﾄ塊 再生 有筋、50㎝四方以下、循環資源利用税相当額含む。
※循環税は全ての間接費対象外　札幌環境資材センター（新日建設㈱）</t>
  </si>
  <si>
    <t>ｺﾝｸﾘｰﾄ塊 再生 有筋、循環資源利用税相当額含む。
　※循環税は全ての間接費対象外　㈱松原産業</t>
  </si>
  <si>
    <t>ｺﾝｸﾘｰﾄ塊 再生 有筋、循環資源利用税相当額含む。
　※循環税は全ての間接費対象外　野田工業㈱</t>
  </si>
  <si>
    <t>小割料、無筋、１m又は厚60㎝超循環資源利用税相当額含む。
※循環税は全ての間接費対象外　小橋北豊㈱</t>
  </si>
  <si>
    <t>小割料、有筋、１m又は厚60㎝超循環資源利用税相当額含む。
※循環税は全ての間接費対象外　小橋北豊㈱</t>
  </si>
  <si>
    <t>高所作業車
（日中作業）</t>
  </si>
  <si>
    <t>トラック架装・伸縮ブーム　バスケット型　12m×200kg×2名</t>
  </si>
  <si>
    <t>高所作業車
（夜間作業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8"/>
      <name val="ＭＳ ゴシック"/>
      <family val="3"/>
      <charset val="128"/>
    </font>
    <font>
      <sz val="6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177" fontId="4" fillId="0" borderId="16" xfId="1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3" fillId="0" borderId="11" xfId="0" applyFont="1" applyBorder="1" applyAlignment="1">
      <alignment horizontal="left" vertical="center" wrapText="1" shrinkToFit="1"/>
    </xf>
    <xf numFmtId="0" fontId="14" fillId="0" borderId="16" xfId="0" applyFont="1" applyBorder="1" applyAlignment="1">
      <alignment horizontal="left" vertical="center" wrapText="1" shrinkToFit="1"/>
    </xf>
    <xf numFmtId="0" fontId="14" fillId="0" borderId="12" xfId="0" applyFont="1" applyBorder="1" applyAlignment="1">
      <alignment horizontal="left" vertical="center" wrapText="1" shrinkToFit="1"/>
    </xf>
    <xf numFmtId="0" fontId="14" fillId="0" borderId="11" xfId="0" applyFont="1" applyBorder="1" applyAlignment="1">
      <alignment horizontal="left" vertical="center" wrapText="1" shrinkToFit="1"/>
    </xf>
    <xf numFmtId="0" fontId="14" fillId="0" borderId="15" xfId="0" applyFont="1" applyBorder="1" applyAlignment="1">
      <alignment horizontal="left" vertical="center" wrapText="1" shrinkToFit="1"/>
    </xf>
    <xf numFmtId="0" fontId="12" fillId="0" borderId="20" xfId="0" applyFont="1" applyBorder="1" applyAlignment="1">
      <alignment horizontal="center" vertical="center" shrinkToFit="1"/>
    </xf>
    <xf numFmtId="0" fontId="14" fillId="0" borderId="14" xfId="0" applyFont="1" applyBorder="1" applyAlignment="1">
      <alignment horizontal="left" vertical="center" wrapText="1" shrinkToFit="1"/>
    </xf>
    <xf numFmtId="0" fontId="14" fillId="0" borderId="11" xfId="0" applyFont="1" applyBorder="1" applyAlignment="1">
      <alignment horizontal="left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5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6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9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DE12C0C8-E110-49C9-8FDE-B911456A75A7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70;&#21336;&#20385;&#22865;&#32004;/R6/&#9314;&#19968;&#33324;&#31478;&#20105;&#20837;&#26413;/3.&#21578;&#31034;&#36215;&#26696;&#65288;&#26989;&#21209;&#22996;&#35351;&#12288;&#65298;&#38917;&#30446;&#20197;&#19978;&#65289;/&#21578;&#31034;&#29992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"/>
      <sheetName val="220"/>
      <sheetName val="227"/>
      <sheetName val="234"/>
      <sheetName val="237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CCF8C3-98D2-46C7-9647-8E16FD630C27}">
  <sheetPr>
    <tabColor indexed="57"/>
    <pageSetUpPr fitToPage="1"/>
  </sheetPr>
  <dimension ref="A1:J62"/>
  <sheetViews>
    <sheetView showZeros="0" tabSelected="1" view="pageBreakPreview" zoomScale="70" zoomScaleNormal="100" zoomScaleSheetLayoutView="70" workbookViewId="0">
      <selection activeCell="M38" sqref="M38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47.5" style="5" bestFit="1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2</v>
      </c>
      <c r="E9" s="30" t="s">
        <v>13</v>
      </c>
      <c r="F9" s="31">
        <v>40</v>
      </c>
      <c r="G9" s="32"/>
      <c r="H9" s="33"/>
    </row>
    <row r="10" spans="1:10" ht="24.95" customHeight="1" x14ac:dyDescent="0.15">
      <c r="A10" s="26">
        <v>2</v>
      </c>
      <c r="B10" s="34" t="s">
        <v>14</v>
      </c>
      <c r="C10" s="35">
        <v>1</v>
      </c>
      <c r="D10" s="36" t="s">
        <v>14</v>
      </c>
      <c r="E10" s="37" t="s">
        <v>13</v>
      </c>
      <c r="F10" s="31">
        <v>500</v>
      </c>
      <c r="G10" s="38"/>
      <c r="H10" s="33"/>
    </row>
    <row r="11" spans="1:10" ht="24.95" customHeight="1" x14ac:dyDescent="0.15">
      <c r="A11" s="26">
        <v>3</v>
      </c>
      <c r="B11" s="34" t="s">
        <v>15</v>
      </c>
      <c r="C11" s="35">
        <v>1</v>
      </c>
      <c r="D11" s="36" t="s">
        <v>15</v>
      </c>
      <c r="E11" s="37" t="s">
        <v>13</v>
      </c>
      <c r="F11" s="31">
        <v>40</v>
      </c>
      <c r="G11" s="38"/>
      <c r="H11" s="33"/>
    </row>
    <row r="12" spans="1:10" ht="24.95" customHeight="1" x14ac:dyDescent="0.15">
      <c r="A12" s="26">
        <v>4</v>
      </c>
      <c r="B12" s="34" t="s">
        <v>16</v>
      </c>
      <c r="C12" s="35">
        <v>1</v>
      </c>
      <c r="D12" s="36" t="s">
        <v>16</v>
      </c>
      <c r="E12" s="37" t="s">
        <v>13</v>
      </c>
      <c r="F12" s="31">
        <v>500</v>
      </c>
      <c r="G12" s="38"/>
      <c r="H12" s="33"/>
    </row>
    <row r="13" spans="1:10" ht="24.95" customHeight="1" x14ac:dyDescent="0.15">
      <c r="A13" s="39">
        <v>5</v>
      </c>
      <c r="B13" s="40" t="s">
        <v>17</v>
      </c>
      <c r="C13" s="39">
        <v>1</v>
      </c>
      <c r="D13" s="41" t="s">
        <v>17</v>
      </c>
      <c r="E13" s="42" t="s">
        <v>13</v>
      </c>
      <c r="F13" s="43">
        <v>40</v>
      </c>
      <c r="G13" s="44"/>
      <c r="H13" s="45"/>
    </row>
    <row r="14" spans="1:10" ht="24.95" customHeight="1" x14ac:dyDescent="0.15">
      <c r="A14" s="26">
        <v>6</v>
      </c>
      <c r="B14" s="46" t="s">
        <v>18</v>
      </c>
      <c r="C14" s="26">
        <v>1</v>
      </c>
      <c r="D14" s="47" t="s">
        <v>18</v>
      </c>
      <c r="E14" s="48" t="s">
        <v>13</v>
      </c>
      <c r="F14" s="49">
        <v>500</v>
      </c>
      <c r="G14" s="50"/>
      <c r="H14" s="51"/>
    </row>
    <row r="15" spans="1:10" ht="24.95" customHeight="1" x14ac:dyDescent="0.15">
      <c r="A15" s="26">
        <v>7</v>
      </c>
      <c r="B15" s="34" t="s">
        <v>19</v>
      </c>
      <c r="C15" s="35">
        <v>1</v>
      </c>
      <c r="D15" s="36" t="s">
        <v>19</v>
      </c>
      <c r="E15" s="37" t="s">
        <v>13</v>
      </c>
      <c r="F15" s="31">
        <v>40</v>
      </c>
      <c r="G15" s="52"/>
      <c r="H15" s="33"/>
    </row>
    <row r="16" spans="1:10" ht="24.95" customHeight="1" x14ac:dyDescent="0.15">
      <c r="A16" s="26">
        <v>8</v>
      </c>
      <c r="B16" s="34" t="s">
        <v>20</v>
      </c>
      <c r="C16" s="35">
        <v>1</v>
      </c>
      <c r="D16" s="36" t="s">
        <v>20</v>
      </c>
      <c r="E16" s="37" t="s">
        <v>13</v>
      </c>
      <c r="F16" s="31">
        <v>100</v>
      </c>
      <c r="G16" s="38"/>
      <c r="H16" s="33"/>
    </row>
    <row r="17" spans="1:8" ht="24.95" customHeight="1" x14ac:dyDescent="0.15">
      <c r="A17" s="26">
        <v>9</v>
      </c>
      <c r="B17" s="34" t="s">
        <v>21</v>
      </c>
      <c r="C17" s="35">
        <v>1</v>
      </c>
      <c r="D17" s="36" t="s">
        <v>21</v>
      </c>
      <c r="E17" s="37" t="s">
        <v>13</v>
      </c>
      <c r="F17" s="31">
        <v>40</v>
      </c>
      <c r="G17" s="38"/>
      <c r="H17" s="33"/>
    </row>
    <row r="18" spans="1:8" ht="24.95" customHeight="1" x14ac:dyDescent="0.15">
      <c r="A18" s="39">
        <v>10</v>
      </c>
      <c r="B18" s="40" t="s">
        <v>22</v>
      </c>
      <c r="C18" s="39">
        <v>1</v>
      </c>
      <c r="D18" s="41" t="s">
        <v>22</v>
      </c>
      <c r="E18" s="42" t="s">
        <v>13</v>
      </c>
      <c r="F18" s="43">
        <v>100</v>
      </c>
      <c r="G18" s="53"/>
      <c r="H18" s="45"/>
    </row>
    <row r="19" spans="1:8" ht="24.95" customHeight="1" x14ac:dyDescent="0.15">
      <c r="A19" s="26">
        <v>11</v>
      </c>
      <c r="B19" s="46" t="s">
        <v>23</v>
      </c>
      <c r="C19" s="26">
        <v>1</v>
      </c>
      <c r="D19" s="47" t="s">
        <v>23</v>
      </c>
      <c r="E19" s="48" t="s">
        <v>13</v>
      </c>
      <c r="F19" s="49">
        <v>40</v>
      </c>
      <c r="G19" s="52"/>
      <c r="H19" s="51"/>
    </row>
    <row r="20" spans="1:8" ht="24.95" customHeight="1" x14ac:dyDescent="0.15">
      <c r="A20" s="26">
        <v>12</v>
      </c>
      <c r="B20" s="34" t="s">
        <v>24</v>
      </c>
      <c r="C20" s="35">
        <v>1</v>
      </c>
      <c r="D20" s="36" t="s">
        <v>24</v>
      </c>
      <c r="E20" s="37" t="s">
        <v>13</v>
      </c>
      <c r="F20" s="31">
        <v>100</v>
      </c>
      <c r="G20" s="38"/>
      <c r="H20" s="33"/>
    </row>
    <row r="21" spans="1:8" ht="24.95" customHeight="1" x14ac:dyDescent="0.15">
      <c r="A21" s="26">
        <v>13</v>
      </c>
      <c r="B21" s="34" t="s">
        <v>25</v>
      </c>
      <c r="C21" s="35">
        <v>1</v>
      </c>
      <c r="D21" s="36" t="s">
        <v>25</v>
      </c>
      <c r="E21" s="37" t="s">
        <v>13</v>
      </c>
      <c r="F21" s="31">
        <v>40</v>
      </c>
      <c r="G21" s="38"/>
      <c r="H21" s="33"/>
    </row>
    <row r="22" spans="1:8" ht="24.95" customHeight="1" x14ac:dyDescent="0.15">
      <c r="A22" s="26">
        <v>14</v>
      </c>
      <c r="B22" s="34" t="s">
        <v>26</v>
      </c>
      <c r="C22" s="35">
        <v>1</v>
      </c>
      <c r="D22" s="36" t="s">
        <v>26</v>
      </c>
      <c r="E22" s="37" t="s">
        <v>13</v>
      </c>
      <c r="F22" s="31">
        <v>40</v>
      </c>
      <c r="G22" s="38"/>
      <c r="H22" s="33"/>
    </row>
    <row r="23" spans="1:8" ht="24.95" customHeight="1" x14ac:dyDescent="0.15">
      <c r="A23" s="39">
        <v>15</v>
      </c>
      <c r="B23" s="40" t="s">
        <v>27</v>
      </c>
      <c r="C23" s="39">
        <v>1</v>
      </c>
      <c r="D23" s="41" t="s">
        <v>27</v>
      </c>
      <c r="E23" s="42" t="s">
        <v>13</v>
      </c>
      <c r="F23" s="43">
        <v>40</v>
      </c>
      <c r="G23" s="54"/>
      <c r="H23" s="55"/>
    </row>
    <row r="24" spans="1:8" ht="24.95" customHeight="1" x14ac:dyDescent="0.15">
      <c r="A24" s="26">
        <v>16</v>
      </c>
      <c r="B24" s="46" t="s">
        <v>28</v>
      </c>
      <c r="C24" s="26">
        <v>1</v>
      </c>
      <c r="D24" s="47" t="s">
        <v>28</v>
      </c>
      <c r="E24" s="56" t="s">
        <v>13</v>
      </c>
      <c r="F24" s="49">
        <v>40</v>
      </c>
      <c r="G24" s="52"/>
      <c r="H24" s="51"/>
    </row>
    <row r="25" spans="1:8" ht="24.95" customHeight="1" x14ac:dyDescent="0.15">
      <c r="A25" s="26">
        <v>17</v>
      </c>
      <c r="B25" s="34" t="s">
        <v>29</v>
      </c>
      <c r="C25" s="35">
        <v>1</v>
      </c>
      <c r="D25" s="57" t="s">
        <v>30</v>
      </c>
      <c r="E25" s="48" t="s">
        <v>31</v>
      </c>
      <c r="F25" s="31">
        <v>220</v>
      </c>
      <c r="G25" s="38"/>
      <c r="H25" s="33"/>
    </row>
    <row r="26" spans="1:8" ht="24.95" customHeight="1" x14ac:dyDescent="0.15">
      <c r="A26" s="26">
        <v>18</v>
      </c>
      <c r="B26" s="34" t="s">
        <v>32</v>
      </c>
      <c r="C26" s="35">
        <v>1</v>
      </c>
      <c r="D26" s="36" t="s">
        <v>30</v>
      </c>
      <c r="E26" s="35" t="s">
        <v>31</v>
      </c>
      <c r="F26" s="31">
        <v>220</v>
      </c>
      <c r="G26" s="38"/>
      <c r="H26" s="33"/>
    </row>
    <row r="27" spans="1:8" ht="24.95" customHeight="1" x14ac:dyDescent="0.15">
      <c r="A27" s="26">
        <v>19</v>
      </c>
      <c r="B27" s="34" t="s">
        <v>33</v>
      </c>
      <c r="C27" s="35">
        <v>1</v>
      </c>
      <c r="D27" s="58" t="s">
        <v>34</v>
      </c>
      <c r="E27" s="35" t="s">
        <v>35</v>
      </c>
      <c r="F27" s="31">
        <v>30</v>
      </c>
      <c r="G27" s="38"/>
      <c r="H27" s="33"/>
    </row>
    <row r="28" spans="1:8" ht="24.95" customHeight="1" x14ac:dyDescent="0.15">
      <c r="A28" s="39">
        <v>20</v>
      </c>
      <c r="B28" s="40" t="s">
        <v>36</v>
      </c>
      <c r="C28" s="39">
        <v>1</v>
      </c>
      <c r="D28" s="59" t="s">
        <v>37</v>
      </c>
      <c r="E28" s="39" t="s">
        <v>35</v>
      </c>
      <c r="F28" s="43">
        <v>1</v>
      </c>
      <c r="G28" s="53"/>
      <c r="H28" s="55"/>
    </row>
    <row r="29" spans="1:8" ht="24.95" customHeight="1" x14ac:dyDescent="0.15">
      <c r="A29" s="26">
        <v>20</v>
      </c>
      <c r="B29" s="46" t="s">
        <v>36</v>
      </c>
      <c r="C29" s="26">
        <v>2</v>
      </c>
      <c r="D29" s="60" t="s">
        <v>38</v>
      </c>
      <c r="E29" s="26" t="s">
        <v>35</v>
      </c>
      <c r="F29" s="49">
        <v>1</v>
      </c>
      <c r="G29" s="52"/>
      <c r="H29" s="51"/>
    </row>
    <row r="30" spans="1:8" ht="24.95" customHeight="1" x14ac:dyDescent="0.15">
      <c r="A30" s="26">
        <v>20</v>
      </c>
      <c r="B30" s="34" t="s">
        <v>36</v>
      </c>
      <c r="C30" s="35">
        <v>3</v>
      </c>
      <c r="D30" s="61" t="s">
        <v>39</v>
      </c>
      <c r="E30" s="35" t="s">
        <v>35</v>
      </c>
      <c r="F30" s="31">
        <v>1</v>
      </c>
      <c r="G30" s="38"/>
      <c r="H30" s="33"/>
    </row>
    <row r="31" spans="1:8" ht="24.95" customHeight="1" x14ac:dyDescent="0.15">
      <c r="A31" s="26">
        <v>20</v>
      </c>
      <c r="B31" s="34" t="s">
        <v>36</v>
      </c>
      <c r="C31" s="35">
        <v>4</v>
      </c>
      <c r="D31" s="61" t="s">
        <v>40</v>
      </c>
      <c r="E31" s="35" t="s">
        <v>35</v>
      </c>
      <c r="F31" s="31">
        <v>1</v>
      </c>
      <c r="G31" s="38"/>
      <c r="H31" s="33"/>
    </row>
    <row r="32" spans="1:8" ht="24.95" customHeight="1" x14ac:dyDescent="0.15">
      <c r="A32" s="26">
        <v>20</v>
      </c>
      <c r="B32" s="34" t="s">
        <v>36</v>
      </c>
      <c r="C32" s="35">
        <v>5</v>
      </c>
      <c r="D32" s="61" t="s">
        <v>41</v>
      </c>
      <c r="E32" s="35" t="s">
        <v>35</v>
      </c>
      <c r="F32" s="31">
        <v>1</v>
      </c>
      <c r="G32" s="38"/>
      <c r="H32" s="33"/>
    </row>
    <row r="33" spans="1:8" ht="24.95" customHeight="1" x14ac:dyDescent="0.15">
      <c r="A33" s="39">
        <v>20</v>
      </c>
      <c r="B33" s="40" t="s">
        <v>36</v>
      </c>
      <c r="C33" s="39">
        <v>6</v>
      </c>
      <c r="D33" s="62" t="s">
        <v>42</v>
      </c>
      <c r="E33" s="63" t="s">
        <v>35</v>
      </c>
      <c r="F33" s="43">
        <v>1</v>
      </c>
      <c r="G33" s="54"/>
      <c r="H33" s="55"/>
    </row>
    <row r="34" spans="1:8" ht="24.95" customHeight="1" x14ac:dyDescent="0.15">
      <c r="A34" s="26">
        <v>20</v>
      </c>
      <c r="B34" s="46" t="s">
        <v>36</v>
      </c>
      <c r="C34" s="26">
        <v>7</v>
      </c>
      <c r="D34" s="60" t="s">
        <v>43</v>
      </c>
      <c r="E34" s="28" t="s">
        <v>35</v>
      </c>
      <c r="F34" s="49">
        <v>1</v>
      </c>
      <c r="G34" s="52"/>
      <c r="H34" s="51"/>
    </row>
    <row r="35" spans="1:8" ht="24.95" customHeight="1" x14ac:dyDescent="0.15">
      <c r="A35" s="26">
        <v>20</v>
      </c>
      <c r="B35" s="34" t="s">
        <v>36</v>
      </c>
      <c r="C35" s="35">
        <v>8</v>
      </c>
      <c r="D35" s="61" t="s">
        <v>44</v>
      </c>
      <c r="E35" s="35" t="s">
        <v>35</v>
      </c>
      <c r="F35" s="31">
        <v>1</v>
      </c>
      <c r="G35" s="38"/>
      <c r="H35" s="33"/>
    </row>
    <row r="36" spans="1:8" ht="24.95" customHeight="1" x14ac:dyDescent="0.15">
      <c r="A36" s="26">
        <v>20</v>
      </c>
      <c r="B36" s="34" t="s">
        <v>36</v>
      </c>
      <c r="C36" s="35">
        <v>9</v>
      </c>
      <c r="D36" s="61" t="s">
        <v>45</v>
      </c>
      <c r="E36" s="35" t="s">
        <v>35</v>
      </c>
      <c r="F36" s="31">
        <v>1</v>
      </c>
      <c r="G36" s="38"/>
      <c r="H36" s="33"/>
    </row>
    <row r="37" spans="1:8" ht="24.95" customHeight="1" x14ac:dyDescent="0.15">
      <c r="A37" s="26">
        <v>20</v>
      </c>
      <c r="B37" s="34" t="s">
        <v>36</v>
      </c>
      <c r="C37" s="35">
        <v>10</v>
      </c>
      <c r="D37" s="61" t="s">
        <v>46</v>
      </c>
      <c r="E37" s="35" t="s">
        <v>35</v>
      </c>
      <c r="F37" s="31">
        <v>1</v>
      </c>
      <c r="G37" s="38"/>
      <c r="H37" s="33"/>
    </row>
    <row r="38" spans="1:8" ht="24.95" customHeight="1" x14ac:dyDescent="0.15">
      <c r="A38" s="39">
        <v>20</v>
      </c>
      <c r="B38" s="40" t="s">
        <v>36</v>
      </c>
      <c r="C38" s="39">
        <v>11</v>
      </c>
      <c r="D38" s="64" t="s">
        <v>47</v>
      </c>
      <c r="E38" s="39" t="s">
        <v>35</v>
      </c>
      <c r="F38" s="43">
        <v>1</v>
      </c>
      <c r="G38" s="54"/>
      <c r="H38" s="55"/>
    </row>
    <row r="39" spans="1:8" ht="24.95" customHeight="1" x14ac:dyDescent="0.15">
      <c r="A39" s="26">
        <v>20</v>
      </c>
      <c r="B39" s="46" t="s">
        <v>36</v>
      </c>
      <c r="C39" s="26">
        <v>12</v>
      </c>
      <c r="D39" s="60" t="s">
        <v>48</v>
      </c>
      <c r="E39" s="28" t="s">
        <v>35</v>
      </c>
      <c r="F39" s="49">
        <v>1</v>
      </c>
      <c r="G39" s="52"/>
      <c r="H39" s="51"/>
    </row>
    <row r="40" spans="1:8" ht="24.95" customHeight="1" x14ac:dyDescent="0.15">
      <c r="A40" s="26">
        <v>21</v>
      </c>
      <c r="B40" s="34" t="s">
        <v>49</v>
      </c>
      <c r="C40" s="35">
        <v>1</v>
      </c>
      <c r="D40" s="65" t="s">
        <v>50</v>
      </c>
      <c r="E40" s="35" t="s">
        <v>13</v>
      </c>
      <c r="F40" s="31">
        <v>40</v>
      </c>
      <c r="G40" s="38"/>
      <c r="H40" s="33"/>
    </row>
    <row r="41" spans="1:8" ht="24.95" customHeight="1" x14ac:dyDescent="0.15">
      <c r="A41" s="26">
        <v>22</v>
      </c>
      <c r="B41" s="34" t="s">
        <v>51</v>
      </c>
      <c r="C41" s="35">
        <v>1</v>
      </c>
      <c r="D41" s="65" t="s">
        <v>50</v>
      </c>
      <c r="E41" s="35" t="s">
        <v>13</v>
      </c>
      <c r="F41" s="31">
        <v>40</v>
      </c>
      <c r="G41" s="38"/>
      <c r="H41" s="33"/>
    </row>
    <row r="42" spans="1:8" ht="24.95" customHeight="1" x14ac:dyDescent="0.15">
      <c r="A42" s="26"/>
      <c r="B42" s="34"/>
      <c r="C42" s="35"/>
      <c r="D42" s="36"/>
      <c r="E42" s="35"/>
      <c r="F42" s="31"/>
      <c r="G42" s="38"/>
      <c r="H42" s="33"/>
    </row>
    <row r="43" spans="1:8" ht="24.95" customHeight="1" thickBot="1" x14ac:dyDescent="0.2">
      <c r="A43" s="39"/>
      <c r="B43" s="40"/>
      <c r="C43" s="39"/>
      <c r="D43" s="40"/>
      <c r="E43" s="39"/>
      <c r="F43" s="43"/>
      <c r="G43" s="38"/>
      <c r="H43" s="33"/>
    </row>
    <row r="44" spans="1:8" ht="24.95" customHeight="1" thickBot="1" x14ac:dyDescent="0.2">
      <c r="A44" s="66" t="s">
        <v>52</v>
      </c>
      <c r="B44" s="67"/>
      <c r="C44" s="67"/>
      <c r="D44" s="67"/>
      <c r="E44" s="67"/>
      <c r="F44" s="67"/>
      <c r="G44" s="67"/>
      <c r="H44" s="68"/>
    </row>
    <row r="45" spans="1:8" ht="12" customHeight="1" x14ac:dyDescent="0.15">
      <c r="A45" s="69"/>
      <c r="B45" s="69"/>
      <c r="C45" s="69"/>
      <c r="D45" s="69"/>
      <c r="E45" s="69"/>
      <c r="F45" s="69"/>
      <c r="G45" s="69"/>
      <c r="H45" s="69"/>
    </row>
    <row r="46" spans="1:8" ht="40.5" customHeight="1" x14ac:dyDescent="0.15">
      <c r="A46" s="70" t="s">
        <v>53</v>
      </c>
      <c r="B46" s="70"/>
      <c r="C46" s="70"/>
      <c r="D46" s="70"/>
      <c r="E46" s="70"/>
      <c r="F46" s="70"/>
      <c r="G46" s="70"/>
      <c r="H46" s="70"/>
    </row>
    <row r="47" spans="1:8" ht="20.100000000000001" customHeight="1" x14ac:dyDescent="0.15">
      <c r="A47" s="71"/>
      <c r="B47" s="71"/>
      <c r="C47" s="71"/>
      <c r="D47" s="71"/>
      <c r="E47" s="71"/>
      <c r="F47" s="71"/>
      <c r="G47" s="72" t="s">
        <v>54</v>
      </c>
      <c r="H47" s="71"/>
    </row>
    <row r="48" spans="1:8" ht="20.100000000000001" customHeight="1" x14ac:dyDescent="0.15">
      <c r="A48" s="71"/>
      <c r="B48" s="71" t="s">
        <v>55</v>
      </c>
      <c r="C48" s="71"/>
      <c r="D48" s="71"/>
      <c r="E48" s="71"/>
      <c r="F48" s="71"/>
      <c r="G48" s="71"/>
      <c r="H48" s="71"/>
    </row>
    <row r="49" spans="1:8" ht="20.100000000000001" customHeight="1" x14ac:dyDescent="0.15">
      <c r="A49" s="71"/>
      <c r="B49" s="73" t="s">
        <v>56</v>
      </c>
      <c r="C49" s="71"/>
      <c r="D49" s="71"/>
      <c r="E49" s="71"/>
      <c r="F49" s="71"/>
      <c r="G49" s="71"/>
      <c r="H49" s="71"/>
    </row>
    <row r="50" spans="1:8" ht="20.100000000000001" customHeight="1" x14ac:dyDescent="0.15">
      <c r="A50" s="71"/>
      <c r="B50" s="71"/>
      <c r="C50" s="71"/>
      <c r="D50" s="72" t="s">
        <v>57</v>
      </c>
      <c r="E50" s="71"/>
      <c r="F50" s="71"/>
      <c r="G50" s="71"/>
      <c r="H50" s="71"/>
    </row>
    <row r="51" spans="1:8" ht="20.100000000000001" customHeight="1" x14ac:dyDescent="0.15">
      <c r="A51" s="71"/>
      <c r="B51" s="71"/>
      <c r="C51" s="71"/>
      <c r="D51" s="72" t="s">
        <v>58</v>
      </c>
      <c r="E51" s="71"/>
      <c r="F51" s="71"/>
      <c r="G51" s="71"/>
      <c r="H51" s="72" t="s">
        <v>59</v>
      </c>
    </row>
    <row r="52" spans="1:8" ht="20.100000000000001" customHeight="1" x14ac:dyDescent="0.15">
      <c r="A52" s="71"/>
      <c r="B52" s="71"/>
      <c r="C52" s="71"/>
      <c r="D52" s="72" t="s">
        <v>60</v>
      </c>
      <c r="E52" s="71"/>
      <c r="F52" s="71"/>
      <c r="G52" s="71"/>
      <c r="H52" s="71"/>
    </row>
    <row r="53" spans="1:8" ht="20.100000000000001" customHeight="1" x14ac:dyDescent="0.15">
      <c r="A53" s="71"/>
      <c r="B53" s="71"/>
      <c r="C53" s="71"/>
      <c r="D53" s="71"/>
      <c r="E53" s="71"/>
      <c r="F53" s="74"/>
      <c r="G53" s="71"/>
      <c r="H53" s="71"/>
    </row>
    <row r="54" spans="1:8" ht="20.100000000000001" customHeight="1" x14ac:dyDescent="0.15">
      <c r="A54" s="71"/>
      <c r="B54" s="71"/>
      <c r="C54" s="71"/>
      <c r="D54" s="72" t="s">
        <v>61</v>
      </c>
      <c r="E54" s="71"/>
      <c r="F54" s="74"/>
      <c r="G54" s="71"/>
      <c r="H54" s="72" t="s">
        <v>59</v>
      </c>
    </row>
    <row r="55" spans="1:8" ht="20.100000000000001" customHeight="1" x14ac:dyDescent="0.15">
      <c r="A55" s="18"/>
      <c r="B55" s="71"/>
      <c r="C55" s="71"/>
      <c r="D55" s="71"/>
      <c r="E55" s="71"/>
      <c r="F55" s="74"/>
      <c r="G55" s="71"/>
      <c r="H55" s="71"/>
    </row>
    <row r="56" spans="1:8" ht="20.100000000000001" customHeight="1" x14ac:dyDescent="0.15"/>
    <row r="57" spans="1:8" ht="20.100000000000001" customHeight="1" x14ac:dyDescent="0.15">
      <c r="A57" s="75" t="s">
        <v>62</v>
      </c>
      <c r="B57" s="75"/>
      <c r="C57" s="75"/>
      <c r="D57" s="75"/>
      <c r="E57" s="75"/>
      <c r="F57" s="75"/>
      <c r="G57" s="75"/>
      <c r="H57" s="75"/>
    </row>
    <row r="58" spans="1:8" ht="20.100000000000001" customHeight="1" x14ac:dyDescent="0.15">
      <c r="A58" s="75" t="s">
        <v>63</v>
      </c>
      <c r="B58" s="75"/>
      <c r="C58" s="75"/>
      <c r="D58" s="75"/>
      <c r="E58" s="75"/>
      <c r="F58" s="75"/>
      <c r="G58" s="75"/>
      <c r="H58" s="75"/>
    </row>
    <row r="59" spans="1:8" ht="20.100000000000001" customHeight="1" x14ac:dyDescent="0.15"/>
    <row r="60" spans="1:8" ht="20.100000000000001" customHeight="1" x14ac:dyDescent="0.15"/>
    <row r="61" spans="1:8" ht="20.100000000000001" customHeight="1" x14ac:dyDescent="0.15"/>
    <row r="62" spans="1:8" ht="20.100000000000001" customHeight="1" x14ac:dyDescent="0.15"/>
  </sheetData>
  <mergeCells count="10">
    <mergeCell ref="A44:G44"/>
    <mergeCell ref="A46:H46"/>
    <mergeCell ref="A57:H57"/>
    <mergeCell ref="A58:H58"/>
    <mergeCell ref="B1:D1"/>
    <mergeCell ref="A3:H3"/>
    <mergeCell ref="C5:F5"/>
    <mergeCell ref="B7:D7"/>
    <mergeCell ref="A8:B8"/>
    <mergeCell ref="C8:D8"/>
  </mergeCells>
  <phoneticPr fontId="3"/>
  <conditionalFormatting sqref="A45 A9:A38">
    <cfRule type="expression" dxfId="8" priority="9" stopIfTrue="1">
      <formula>ISERROR(B9)</formula>
    </cfRule>
  </conditionalFormatting>
  <conditionalFormatting sqref="B9:F38">
    <cfRule type="expression" dxfId="7" priority="8" stopIfTrue="1">
      <formula>ISERROR(B9)</formula>
    </cfRule>
  </conditionalFormatting>
  <conditionalFormatting sqref="A44">
    <cfRule type="expression" dxfId="6" priority="7" stopIfTrue="1">
      <formula>ISERROR(B44)</formula>
    </cfRule>
  </conditionalFormatting>
  <conditionalFormatting sqref="H44">
    <cfRule type="expression" dxfId="5" priority="6" stopIfTrue="1">
      <formula>ISERROR(H44)</formula>
    </cfRule>
  </conditionalFormatting>
  <conditionalFormatting sqref="G9:H37">
    <cfRule type="expression" dxfId="4" priority="5" stopIfTrue="1">
      <formula>ISERROR(G9)</formula>
    </cfRule>
  </conditionalFormatting>
  <conditionalFormatting sqref="A39:A43">
    <cfRule type="expression" dxfId="3" priority="4" stopIfTrue="1">
      <formula>ISERROR(B39)</formula>
    </cfRule>
  </conditionalFormatting>
  <conditionalFormatting sqref="B39:F43">
    <cfRule type="expression" dxfId="2" priority="3" stopIfTrue="1">
      <formula>ISERROR(B39)</formula>
    </cfRule>
  </conditionalFormatting>
  <conditionalFormatting sqref="G40:H43">
    <cfRule type="expression" dxfId="1" priority="2" stopIfTrue="1">
      <formula>ISERROR(G40)</formula>
    </cfRule>
  </conditionalFormatting>
  <conditionalFormatting sqref="G38:H39">
    <cfRule type="expression" dxfId="0" priority="1" stopIfTrue="1">
      <formula>ISERROR(G38)</formula>
    </cfRule>
  </conditionalFormatting>
  <pageMargins left="0.98425196850393704" right="0.19685039370078741" top="0.35433070866141736" bottom="0.19685039370078741" header="0.35433070866141736" footer="0.19685039370078741"/>
  <pageSetup paperSize="9" scale="63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1</vt:lpstr>
      <vt:lpstr>'20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4-02-14T04:20:10Z</dcterms:created>
  <dcterms:modified xsi:type="dcterms:W3CDTF">2024-02-14T04:20:47Z</dcterms:modified>
</cp:coreProperties>
</file>